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850A511-C3C0-F436-B27D-0F329FF30BFD}" v="4" dt="2022-10-27T21:32:39.69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76" d="100"/>
          <a:sy n="76" d="100"/>
        </p:scale>
        <p:origin x="62" y="2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0/2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a6d20ffbd5274388bca6a698b18d0065_BackgroundRectangle">
            <a:extLst>
              <a:ext uri="{FF2B5EF4-FFF2-40B4-BE49-F238E27FC236}">
                <a16:creationId xmlns:a16="http://schemas.microsoft.com/office/drawing/2014/main" id="{9364A7B5-D1BA-9280-9777-8EFD76CF0A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420005"/>
            <a:ext cx="11290300" cy="21919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4d8c6b25be494c9381ecbb50edd9025e_BackgroundRectangle">
            <a:extLst>
              <a:ext uri="{FF2B5EF4-FFF2-40B4-BE49-F238E27FC236}">
                <a16:creationId xmlns:a16="http://schemas.microsoft.com/office/drawing/2014/main" id="{19220638-A6A7-E23D-12CD-609C6EA739D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75440"/>
            <a:ext cx="11290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2A_fa7219993d314100aef1c884454a8190_BackgroundRectangle" hidden="1">
            <a:extLst>
              <a:ext uri="{FF2B5EF4-FFF2-40B4-BE49-F238E27FC236}">
                <a16:creationId xmlns:a16="http://schemas.microsoft.com/office/drawing/2014/main" id="{009B2FB5-9AEC-0D78-14CC-BE448F74353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5871422"/>
            <a:ext cx="10388600" cy="21919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602f20072e484bc28a7179595151f9e6_BackgroundRectangle" hidden="1">
            <a:extLst>
              <a:ext uri="{FF2B5EF4-FFF2-40B4-BE49-F238E27FC236}">
                <a16:creationId xmlns:a16="http://schemas.microsoft.com/office/drawing/2014/main" id="{1A922D6A-44C6-56B6-55E7-0B8E38DE5D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8126857"/>
            <a:ext cx="10388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AFB50F8-FCFD-5BC9-B81E-F49F8551AD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761FDAE-D236-E174-31FE-95F59004DFE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474534" y="6795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2D8EF67-5044-5552-D272-3274C735914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200" y="692083"/>
            <a:ext cx="10261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a6d20ffbd5274388bca6a698b18d0065_HeaderRectangle">
            <a:extLst>
              <a:ext uri="{FF2B5EF4-FFF2-40B4-BE49-F238E27FC236}">
                <a16:creationId xmlns:a16="http://schemas.microsoft.com/office/drawing/2014/main" id="{7E3C3342-AF88-D868-77F9-8096D48A82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420005"/>
            <a:ext cx="901700" cy="219193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4d8c6b25be494c9381ecbb50edd9025e_HeaderRectangle">
            <a:extLst>
              <a:ext uri="{FF2B5EF4-FFF2-40B4-BE49-F238E27FC236}">
                <a16:creationId xmlns:a16="http://schemas.microsoft.com/office/drawing/2014/main" id="{5075A81E-5A95-3DF5-3DF8-8C439897E20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75440"/>
            <a:ext cx="9017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2A_fa7219993d314100aef1c884454a8190_HeaderRectangle" hidden="1">
            <a:extLst>
              <a:ext uri="{FF2B5EF4-FFF2-40B4-BE49-F238E27FC236}">
                <a16:creationId xmlns:a16="http://schemas.microsoft.com/office/drawing/2014/main" id="{651B38A8-38A8-6B20-04A9-09E950AD17A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5871422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602f20072e484bc28a7179595151f9e6_HeaderRectangle" hidden="1">
            <a:extLst>
              <a:ext uri="{FF2B5EF4-FFF2-40B4-BE49-F238E27FC236}">
                <a16:creationId xmlns:a16="http://schemas.microsoft.com/office/drawing/2014/main" id="{0F088B98-634C-A2CE-B433-716727239F0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65200" y="8126857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" name="OTLSHAPE_G_00000000000000000000000000000000_ShapeBelow0">
            <a:extLst>
              <a:ext uri="{FF2B5EF4-FFF2-40B4-BE49-F238E27FC236}">
                <a16:creationId xmlns:a16="http://schemas.microsoft.com/office/drawing/2014/main" id="{DA596BD5-5CB9-F9D1-7ED8-AC315D301C2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56030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1">
            <a:extLst>
              <a:ext uri="{FF2B5EF4-FFF2-40B4-BE49-F238E27FC236}">
                <a16:creationId xmlns:a16="http://schemas.microsoft.com/office/drawing/2014/main" id="{29D1292E-CE8F-5F3B-B683-6512A2F39DA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19865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2">
            <a:extLst>
              <a:ext uri="{FF2B5EF4-FFF2-40B4-BE49-F238E27FC236}">
                <a16:creationId xmlns:a16="http://schemas.microsoft.com/office/drawing/2014/main" id="{D96218BD-5F33-24CB-D047-FE6BF827BE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783700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SLT_76cc25f9306e4716bbbd1a072881f996_Shape">
            <a:extLst>
              <a:ext uri="{FF2B5EF4-FFF2-40B4-BE49-F238E27FC236}">
                <a16:creationId xmlns:a16="http://schemas.microsoft.com/office/drawing/2014/main" id="{9D7DF1E4-B8A1-5707-2CE6-9FAB8F0A7A1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487091" y="3425081"/>
            <a:ext cx="4406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8cc704d88ac44cb08a66db71a274bee9_Shape">
            <a:extLst>
              <a:ext uri="{FF2B5EF4-FFF2-40B4-BE49-F238E27FC236}">
                <a16:creationId xmlns:a16="http://schemas.microsoft.com/office/drawing/2014/main" id="{EFEF7D57-98AB-2B79-580C-081B8C2EE3F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882236" y="3735300"/>
            <a:ext cx="736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97F7048-F54F-12A8-3FA0-96AF9470726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895283"/>
            <a:ext cx="3556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518a26d4211a4013bc33496978a4430f_Shape">
            <a:extLst>
              <a:ext uri="{FF2B5EF4-FFF2-40B4-BE49-F238E27FC236}">
                <a16:creationId xmlns:a16="http://schemas.microsoft.com/office/drawing/2014/main" id="{B747B6D2-3512-4A68-AEBA-6F4DD7E95A3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76432" y="149387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3f8c2fe66ff74524aac56a8d33813745_Shape">
            <a:extLst>
              <a:ext uri="{FF2B5EF4-FFF2-40B4-BE49-F238E27FC236}">
                <a16:creationId xmlns:a16="http://schemas.microsoft.com/office/drawing/2014/main" id="{E7FC47EF-9406-53DF-224D-E7264BDDED4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40267" y="188292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d84868d4c9d44677a4a2a3d4ec594432_Shape">
            <a:extLst>
              <a:ext uri="{FF2B5EF4-FFF2-40B4-BE49-F238E27FC236}">
                <a16:creationId xmlns:a16="http://schemas.microsoft.com/office/drawing/2014/main" id="{81342A32-8746-36E1-4832-072FB938056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72791" y="2271963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4e5a2b4982e2412ba811580fb5f78b2b_Shape">
            <a:extLst>
              <a:ext uri="{FF2B5EF4-FFF2-40B4-BE49-F238E27FC236}">
                <a16:creationId xmlns:a16="http://schemas.microsoft.com/office/drawing/2014/main" id="{1601DAE1-99C8-4B0F-19D8-E65C18A6A1B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204101" y="266100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d358deb3770a453ba67dd7386e7c833e_Shape">
            <a:extLst>
              <a:ext uri="{FF2B5EF4-FFF2-40B4-BE49-F238E27FC236}">
                <a16:creationId xmlns:a16="http://schemas.microsoft.com/office/drawing/2014/main" id="{055F3123-268E-36B6-08FD-EEFBE0446D1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936626" y="305005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76cc25f9306e4716bbbd1a072881f996_ShapePercentage" hidden="1">
            <a:extLst>
              <a:ext uri="{FF2B5EF4-FFF2-40B4-BE49-F238E27FC236}">
                <a16:creationId xmlns:a16="http://schemas.microsoft.com/office/drawing/2014/main" id="{08DF1A93-5552-D891-6A08-FE32F578E2F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487091" y="787649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8cc704d88ac44cb08a66db71a274bee9_ShapePercentage" hidden="1">
            <a:extLst>
              <a:ext uri="{FF2B5EF4-FFF2-40B4-BE49-F238E27FC236}">
                <a16:creationId xmlns:a16="http://schemas.microsoft.com/office/drawing/2014/main" id="{0A1A833F-02C7-1077-4DAD-EBDD29D7974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882236" y="81867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a6d20ffbd5274388bca6a698b18d0065_Header">
            <a:extLst>
              <a:ext uri="{FF2B5EF4-FFF2-40B4-BE49-F238E27FC236}">
                <a16:creationId xmlns:a16="http://schemas.microsoft.com/office/drawing/2014/main" id="{90C9B314-5BDF-7291-77C8-D99D8F599C0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242294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re-Planning</a:t>
            </a:r>
          </a:p>
        </p:txBody>
      </p:sp>
      <p:sp>
        <p:nvSpPr>
          <p:cNvPr id="18" name="OTLSHAPE_SL_4d8c6b25be494c9381ecbb50edd9025e_Header">
            <a:extLst>
              <a:ext uri="{FF2B5EF4-FFF2-40B4-BE49-F238E27FC236}">
                <a16:creationId xmlns:a16="http://schemas.microsoft.com/office/drawing/2014/main" id="{8101D0DF-621A-FCD0-93CE-B4F7B70B6A8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3629085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sign Planning</a:t>
            </a:r>
          </a:p>
        </p:txBody>
      </p:sp>
      <p:sp>
        <p:nvSpPr>
          <p:cNvPr id="23" name="OTLSHAPE_SL2A_fa7219993d314100aef1c884454a8190_Header" hidden="1">
            <a:extLst>
              <a:ext uri="{FF2B5EF4-FFF2-40B4-BE49-F238E27FC236}">
                <a16:creationId xmlns:a16="http://schemas.microsoft.com/office/drawing/2014/main" id="{49AEFA8E-226A-A668-21CD-60725692D87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2A_602f20072e484bc28a7179595151f9e6_Header" hidden="1">
            <a:extLst>
              <a:ext uri="{FF2B5EF4-FFF2-40B4-BE49-F238E27FC236}">
                <a16:creationId xmlns:a16="http://schemas.microsoft.com/office/drawing/2014/main" id="{8860CC5D-D1CE-9E77-F457-809DA772858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67359AC2-F9D1-6A34-242E-84A42C51F66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610220" y="94608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4EB477D-F41C-A6A6-3393-2D931C75636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466378" y="103075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F1681BA-DE56-07F0-3EFD-3E27B9C77F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155700" y="72605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951EC6A-EF1E-ACBB-33F6-8AD70FF5658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719535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247BED0-28AD-DD67-917D-8C203EE0C05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283370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CEE83FF-F015-123A-FE7E-B2B3EB19489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847204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316040FD-2497-8CC0-939C-38A118C41BD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55700" y="50602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6" name="OTLSHAPE_SLM_518a26d4211a4013bc33496978a4430f_Title">
            <a:extLst>
              <a:ext uri="{FF2B5EF4-FFF2-40B4-BE49-F238E27FC236}">
                <a16:creationId xmlns:a16="http://schemas.microsoft.com/office/drawing/2014/main" id="{F1DC71A0-209D-1EF8-122A-FD045D025C4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8951" y="1458105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the project's goals</a:t>
            </a:r>
          </a:p>
        </p:txBody>
      </p:sp>
      <p:sp>
        <p:nvSpPr>
          <p:cNvPr id="27" name="OTLSHAPE_SLM_518a26d4211a4013bc33496978a4430f_Date">
            <a:extLst>
              <a:ext uri="{FF2B5EF4-FFF2-40B4-BE49-F238E27FC236}">
                <a16:creationId xmlns:a16="http://schemas.microsoft.com/office/drawing/2014/main" id="{C6C5123D-C31A-8154-F05D-B9F1C9401E1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87812" y="162862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29" name="OTLSHAPE_SLM_3f8c2fe66ff74524aac56a8d33813745_Title">
            <a:extLst>
              <a:ext uri="{FF2B5EF4-FFF2-40B4-BE49-F238E27FC236}">
                <a16:creationId xmlns:a16="http://schemas.microsoft.com/office/drawing/2014/main" id="{84AD3AD8-8F5C-0F30-B51B-99353BE03E7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43343" y="1847148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utline requirements</a:t>
            </a:r>
          </a:p>
        </p:txBody>
      </p:sp>
      <p:sp>
        <p:nvSpPr>
          <p:cNvPr id="30" name="OTLSHAPE_SLM_3f8c2fe66ff74524aac56a8d33813745_Date">
            <a:extLst>
              <a:ext uri="{FF2B5EF4-FFF2-40B4-BE49-F238E27FC236}">
                <a16:creationId xmlns:a16="http://schemas.microsoft.com/office/drawing/2014/main" id="{DCB5F5AD-6C1C-89CC-214F-4DEF2FC28A5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251647" y="20176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32" name="OTLSHAPE_SLM_d84868d4c9d44677a4a2a3d4ec594432_Title">
            <a:extLst>
              <a:ext uri="{FF2B5EF4-FFF2-40B4-BE49-F238E27FC236}">
                <a16:creationId xmlns:a16="http://schemas.microsoft.com/office/drawing/2014/main" id="{ABEEE747-8D5D-1996-36FE-99FDFB6BAB4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05093" y="2236191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 the budget</a:t>
            </a:r>
          </a:p>
        </p:txBody>
      </p:sp>
      <p:sp>
        <p:nvSpPr>
          <p:cNvPr id="33" name="OTLSHAPE_SLM_d84868d4c9d44677a4a2a3d4ec594432_Date">
            <a:extLst>
              <a:ext uri="{FF2B5EF4-FFF2-40B4-BE49-F238E27FC236}">
                <a16:creationId xmlns:a16="http://schemas.microsoft.com/office/drawing/2014/main" id="{031610AD-0F2B-874D-CEA8-966703712E5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984171" y="240671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7</a:t>
            </a:r>
          </a:p>
        </p:txBody>
      </p:sp>
      <p:sp>
        <p:nvSpPr>
          <p:cNvPr id="35" name="OTLSHAPE_SLM_4e5a2b4982e2412ba811580fb5f78b2b_Title">
            <a:extLst>
              <a:ext uri="{FF2B5EF4-FFF2-40B4-BE49-F238E27FC236}">
                <a16:creationId xmlns:a16="http://schemas.microsoft.com/office/drawing/2014/main" id="{0BF77CDD-6F02-BA22-5249-3D94C2FDDB7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05630" y="2625235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reak down the project into tasks</a:t>
            </a:r>
          </a:p>
        </p:txBody>
      </p:sp>
      <p:sp>
        <p:nvSpPr>
          <p:cNvPr id="36" name="OTLSHAPE_SLM_4e5a2b4982e2412ba811580fb5f78b2b_Date">
            <a:extLst>
              <a:ext uri="{FF2B5EF4-FFF2-40B4-BE49-F238E27FC236}">
                <a16:creationId xmlns:a16="http://schemas.microsoft.com/office/drawing/2014/main" id="{89FF9BD5-1123-EC64-3D25-CD1B24DAF68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854428" y="279575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8" name="OTLSHAPE_SLM_d358deb3770a453ba67dd7386e7c833e_Title">
            <a:extLst>
              <a:ext uri="{FF2B5EF4-FFF2-40B4-BE49-F238E27FC236}">
                <a16:creationId xmlns:a16="http://schemas.microsoft.com/office/drawing/2014/main" id="{588AF79F-088B-3561-E04B-8151A7AAA54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042378" y="301427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ssign roles and responsibilities</a:t>
            </a:r>
          </a:p>
        </p:txBody>
      </p:sp>
      <p:sp>
        <p:nvSpPr>
          <p:cNvPr id="39" name="OTLSHAPE_SLM_d358deb3770a453ba67dd7386e7c833e_Date">
            <a:extLst>
              <a:ext uri="{FF2B5EF4-FFF2-40B4-BE49-F238E27FC236}">
                <a16:creationId xmlns:a16="http://schemas.microsoft.com/office/drawing/2014/main" id="{8B84BC33-2E32-2238-FA92-19AD2B4F71B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586952" y="318479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</a:t>
            </a:r>
          </a:p>
        </p:txBody>
      </p:sp>
      <p:sp>
        <p:nvSpPr>
          <p:cNvPr id="42" name="OTLSHAPE_SLT_76cc25f9306e4716bbbd1a072881f996_Duration" hidden="1">
            <a:extLst>
              <a:ext uri="{FF2B5EF4-FFF2-40B4-BE49-F238E27FC236}">
                <a16:creationId xmlns:a16="http://schemas.microsoft.com/office/drawing/2014/main" id="{93C8ED2E-4147-B60A-8669-14DDFC01DE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3" name="OTLSHAPE_SLT_76cc25f9306e4716bbbd1a072881f996_TextPercentage" hidden="1">
            <a:extLst>
              <a:ext uri="{FF2B5EF4-FFF2-40B4-BE49-F238E27FC236}">
                <a16:creationId xmlns:a16="http://schemas.microsoft.com/office/drawing/2014/main" id="{0682C4EF-F2BE-FE04-87A7-58F270B0E72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76cc25f9306e4716bbbd1a072881f996_StartDate" hidden="1">
            <a:extLst>
              <a:ext uri="{FF2B5EF4-FFF2-40B4-BE49-F238E27FC236}">
                <a16:creationId xmlns:a16="http://schemas.microsoft.com/office/drawing/2014/main" id="{AB7CBAC2-8CA9-18A4-65CC-A45299C16A8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76cc25f9306e4716bbbd1a072881f996_EndDate" hidden="1">
            <a:extLst>
              <a:ext uri="{FF2B5EF4-FFF2-40B4-BE49-F238E27FC236}">
                <a16:creationId xmlns:a16="http://schemas.microsoft.com/office/drawing/2014/main" id="{C44FCB2D-6011-80B5-7B75-FD340F4DD4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76cc25f9306e4716bbbd1a072881f996_JoinedDate">
            <a:extLst>
              <a:ext uri="{FF2B5EF4-FFF2-40B4-BE49-F238E27FC236}">
                <a16:creationId xmlns:a16="http://schemas.microsoft.com/office/drawing/2014/main" id="{6CB01AF7-1711-DD3A-5B0B-3BE3B028364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703332" y="341106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7 - Nov 8</a:t>
            </a:r>
          </a:p>
        </p:txBody>
      </p:sp>
      <p:sp>
        <p:nvSpPr>
          <p:cNvPr id="47" name="OTLSHAPE_SLT_76cc25f9306e4716bbbd1a072881f996_Title">
            <a:extLst>
              <a:ext uri="{FF2B5EF4-FFF2-40B4-BE49-F238E27FC236}">
                <a16:creationId xmlns:a16="http://schemas.microsoft.com/office/drawing/2014/main" id="{5E3BB441-A086-79AC-96DE-D6641591D6B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933036" y="340332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eate the project roadmap</a:t>
            </a:r>
          </a:p>
        </p:txBody>
      </p:sp>
      <p:sp>
        <p:nvSpPr>
          <p:cNvPr id="53" name="OTLSHAPE_SLT_8cc704d88ac44cb08a66db71a274bee9_Duration" hidden="1">
            <a:extLst>
              <a:ext uri="{FF2B5EF4-FFF2-40B4-BE49-F238E27FC236}">
                <a16:creationId xmlns:a16="http://schemas.microsoft.com/office/drawing/2014/main" id="{C8C5A22D-0BF9-30F2-61D5-937B818F419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4" name="OTLSHAPE_SLT_8cc704d88ac44cb08a66db71a274bee9_TextPercentage" hidden="1">
            <a:extLst>
              <a:ext uri="{FF2B5EF4-FFF2-40B4-BE49-F238E27FC236}">
                <a16:creationId xmlns:a16="http://schemas.microsoft.com/office/drawing/2014/main" id="{26DAD02B-CC13-4834-C464-CF0A98EC7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8cc704d88ac44cb08a66db71a274bee9_StartDate" hidden="1">
            <a:extLst>
              <a:ext uri="{FF2B5EF4-FFF2-40B4-BE49-F238E27FC236}">
                <a16:creationId xmlns:a16="http://schemas.microsoft.com/office/drawing/2014/main" id="{26261549-2BCC-5ABF-97EE-1310E4993A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8cc704d88ac44cb08a66db71a274bee9_EndDate" hidden="1">
            <a:extLst>
              <a:ext uri="{FF2B5EF4-FFF2-40B4-BE49-F238E27FC236}">
                <a16:creationId xmlns:a16="http://schemas.microsoft.com/office/drawing/2014/main" id="{813C902F-785D-761D-5254-BE384C2E273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8cc704d88ac44cb08a66db71a274bee9_JoinedDate">
            <a:extLst>
              <a:ext uri="{FF2B5EF4-FFF2-40B4-BE49-F238E27FC236}">
                <a16:creationId xmlns:a16="http://schemas.microsoft.com/office/drawing/2014/main" id="{CAB3B0B8-9F9E-1992-E4C7-5AE6B4D73BE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73035" y="372128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8 - Nov 10</a:t>
            </a:r>
          </a:p>
        </p:txBody>
      </p:sp>
      <p:sp>
        <p:nvSpPr>
          <p:cNvPr id="58" name="OTLSHAPE_SLT_8cc704d88ac44cb08a66db71a274bee9_Title">
            <a:extLst>
              <a:ext uri="{FF2B5EF4-FFF2-40B4-BE49-F238E27FC236}">
                <a16:creationId xmlns:a16="http://schemas.microsoft.com/office/drawing/2014/main" id="{5ACF4620-F9A8-C208-1F36-C786E3A37B5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665561" y="371354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ebsite Draw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11225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MThhMjZkNC0yMTFhLTQwMTMtYmMzMy00OTY5NzhhNDQzMGYiLCJJbmRleCI6MCwiR3JvdXBJZCI6bnVsbCwiVGl0bGUiOiJEZWZpbmUgdGhlIHByb2plY3QncyBnb2FscyIsIkRhdGVUaW1lIjoiMjAyMi0xMC0xOFQyMzo1OTowMCIsIlBlcmNlbnRhZ2VDb21wbGV0ZSI6bnVsbCwiTm90ZSI6bnVsbCwiU3R5bGUiOnsiJGlkIjoiNiIsIlRpdGxlUG9zaXRpb24iOiJMZWZ0IiwiRGF0ZVBvc2l0aW9uIjoiTGVmdCIsIlNoYXBlVHlwZSI6MS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kxLCJHIjoxNTUsIkIiOjIxM319LCJJc1Zpc2libGUiOnRydWUsIldpZHRoIjoxOC4wLCJIZWlnaHQiOjIw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wLCJGb3JlZ3JvdW5kIjp7IiRpZCI6IjE3IiwiQ29sb3IiOnsiJGlkIjoiMT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m51bGwsIlBhcmVudFN0eWxlIjpudWxsfSwiRGF0ZVN0eWxlIjp7IiRpZCI6IjIzIiwiRm9udFNldHRpbmdzIjp7IiRpZCI6IjI0IiwiRm9udFNpemUiOjEwLCJGb250TmFtZSI6IkNhbGlicmkiLCJJc0JvbGQiOmZhbHNlLCJJc0l0YWxpYyI6ZmFsc2UsIklzVW5kZXJsaW5lZCI6ZmFsc2UsIlBhcmVudFN0eWxlIjpudWxsfSwiQXV0b1NpemUiOjAsIkZvcmVncm91bmQiOnsiJGlkIjoiMjUiLCJDb2xvciI6eyIkaWQiOiI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GlkIjoiNTEiLCJBIjowLCJSIjoyNTUsIkciOjI1NSwiQiI6MjU1fX0sIklzVmlzaWJsZSI6dHJ1ZSwiV2lkdGgiOjAuMCwiSGVpZ2h0IjowLjAsIkJvcmRlclN0eWxlIjpudWxsLCJQYXJlbnRTdHlsZSI6bnVsbH0sIkRhdGVTdHlsZSI6eyIkaWQiOiI1MiIsIkZvbnRTZXR0aW5ncyI6eyIkaWQiOiI1MyIsIkZvbnRTaXplIjoxMCwiRm9udE5hbWUiOiJDYWxpYnJpIiwiSXNCb2xkIjpmYWxzZSwiSXNJdGFsaWMiOmZhbHNlLCJJc1VuZGVybGluZWQiOmZhbHNlLCJQYXJlbnRTdHlsZSI6bnVsbH0sIkF1dG9TaXplIjowLCJGb3JlZ3JvdW5kIjp7IiRpZCI6IjU0IiwiQ29sb3IiOnsiJGlkIjoi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dHJ1ZSwiV2lkdGgiOjAuMCwiSGVpZ2h0IjowLjAsIkJvcmRlclN0eWxlIjpudWxsLCJQYXJlbnRTdHlsZSI6bnVsbH0sIkRhdGVGb3JtYXQiOnsiJGlkIjoi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AsIlIiOjI1NSwiRyI6MjU1LCJCIjoyNTV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aWQiOiI4OCIsIkEiOjAsIlIiOjI1NSwiRyI6MjU1LCJCIjoyNTV9fSwiSXNWaXNpYmxlIjp0cnVlLCJXaWR0aCI6MC4wLCJIZWlnaHQiOjAuMCwiQm9yZGVyU3R5bGUiOm51bGwsIlBhcmVudFN0eWxlIjpudWxsfSwiRGF0ZUZvcm1hdCI6eyIkaWQiOi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I1NSwiRyI6MjU1LCJCIjoyNTV9fSwiSXNWaXNpYmxlIjp0cnVlLCJXaWR0aCI6MC4wLCJIZWlnaHQiOjAuMCwiQm9yZGVyU3R5bGUiOm51bGwsIlBhcmVudFN0eWxlIjpudWxsfSwiRGF0ZV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NCIsIlRvcCI6MC4wLCJMZWZ0IjowLjAsIlJpZ2h0IjowLjAsIkJvdHRvbSI6MC4wfSwiUGFkZGluZyI6eyIkaWQiOiIxMTUiLCJUb3AiOjAuMCwiTGVmdCI6MC4wLCJSaWdodCI6MC4wLCJCb3R0b20iOjAuMH0sIkJhY2tncm91bmQiOnsiJGlkIjoiMTE2IiwiQ29sb3IiOnsiJGlkIjoiMTE3IiwiQSI6MCwiUiI6MjU1LCJHIjoyNTUsIkIiOjI1NX19LCJJc1Zpc2libGUiOnRydWUsIldpZHRoIjowLjAsIkhlaWdodCI6MC4wLCJCb3JkZXJTdHlsZSI6bnVsbCwiUGFyZW50U3R5bGUiOm51bGx9LCJEYXRlRm9ybWF0Ijp7IiRpZCI6IjE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xMjAiLCJfdGFza3MiOltdLCJfbWlsZXN0b25lcyI6W3siJGlkIjoiMTIxIiwiSWQiOiJkMzU4ZGViMy03NzBhLTQ1M2ItYTY3ZC1kNzM4NmU3YzgzM2UiLCJJbmRleCI6NCwiR3JvdXBJZCI6bnVsbCwiVGl0bGUiOiJBc3NpZ24gcm9sZXMgYW5kIHJlc3BvbnNpYmlsaXRpZXMiLCJEYXRlVGltZSI6IjIwMjItMTEtMDNUMjM6NTk6MDAiLCJQZXJjZW50YWdlQ29tcGxldGUiOm51bGwsIk5vdGUiOm51bGwsIlN0eWxlIjp7IiRpZCI6IjEyMiIsIlRpdGxlUG9zaXRpb24iOiJMZWZ0IiwiRGF0ZVBvc2l0aW9uIjoiTGVmdCIsIlNoYXBlVHlwZSI6MSwiU2hhcGVTaXplIjox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OTEsIkciOjE1NSwiQiI6MjEzfX0sIklzVmlzaWJsZSI6dHJ1ZSwiV2lkdGgiOjE4LjAsIkhlaWdodCI6MjAuMCwiQm9yZGVyU3R5bGUiOnsiJGlkIjoiMTI4IiwiTGluZUNvbG9yIjp7IiRpZCI6IjEyOSIsIiR0eXBlIjoiTkxSRS5Db21tb24uRG9tLlNvbGlkQ29sb3JCcnVzaCwgTkxSRS5Db21tb24iLCJDb2xvciI6eyIkaWQiOiIxMzAiLCJBIjoyNTUsIlIiOjI1NSwiRyI6MCwiQiI6MH19LCJMaW5lV2VpZ2h0IjowLjAsIkxpbmVUeXBlIjowLCJQYXJlbnRTdHlsZSI6bnVsbH0sIlBhcmVudFN0eWxlIjpudWxsfSwiVGl0bGVTdHlsZSI6eyIkaWQiOiIxMzEiLCJGb250U2V0dGluZ3MiOnsiJGlkIjoiMTMyIiwiRm9udFNpemUiOjEx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yNTUsIkciOjI1NSwiQiI6MjU1fX0sIklzVmlzaWJsZSI6dHJ1ZSwiV2lkdGgiOjAuMCwiSGVpZ2h0IjowLjAsIkJvcmRlclN0eWxlIjpudWxsLCJQYXJlbnRTdHlsZSI6bnVsbH0sIkRhdGVTdHlsZSI6eyIkaWQiOiIxMzkiLCJGb250U2V0dGluZ3MiOnsiJGlkIjoiMTQwIiwiRm9udFNpemUiOjEwLCJGb250TmFtZSI6IkNhbGlicmkiLCJJc0JvbGQiOmZhbHNlLCJJc0l0YWxpYyI6ZmFsc2UsIklzVW5kZXJsaW5lZCI6ZmFsc2UsIlBhcmVudFN0eWxlIjpudWxsfSwiQXV0b1NpemUiOjAsIkZvcmVncm91bmQiOnsiJGlkIjoiMTQxIiwiQ29sb3IiOnsiJGlkIjoiMT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pZCI6IjE0NiIsIkEiOjAsIlIiOjI1NSwiRyI6MjU1LCJCIjoyNTV9fSwiSXNWaXNpYmxlIjp0cnVlLCJXaWR0aCI6MC4wLCJIZWlnaHQiOjAuMCwiQm9yZGVyU3R5bGUiOm51bGwsIlBhcmVudFN0eWxlIjpudWxsfSwiRGF0ZUZvcm1hdCI6eyIkaWQiOiIx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TQ5IiwiX3Rhc2tzIjpbeyIkaWQiOiIxNTAiLCJfYXR0YWNoZWRNaWxlc3RvbmVzIjpbXSwiVGFza0RlZmluaXRpb24iOnsiJGlkIjoiMTUxIiwiR3JvdXBOYW1lIjpudWxsLCJTdGFydERhdGUiOiIyMDIyLTEwLTI3VDIzOjU5OjAwWiIsIkVuZERhdGUiOiIyMDIyLTExLTA4VDIzOjU5OjAwWiIsIlBlcmNlbnRhZ2VDb21wbGV0ZSI6bnVsbCwiU3R5bGUiOnsiJGlkIjoiMTUyIiwiU2hhcGUiOjEsIlNoYXBlVGhpY2tuZXNzIjowLCJEdXJhdGlvbkZvcm1hdCI6MCwiSW5jbHVkZU5vbldvcmtpbmdEYXlzSW5EdXJhdGlvbiI6ZmFsc2UsIlBlcmNlbnRhZ2VDb21wbGV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g5LCJSIjowLCJHIjowLCJCIjowfX0sIklzVmlzaWJsZSI6dHJ1ZSwiV2lkdGgiOjAuMCwiSGVpZ2h0IjowLjAsIkJvcmRlclN0eWxlIjp7IiRpZCI6IjE2MSIsIkxpbmVDb2xvciI6bnVsbCwiTGluZVdlaWdodCI6MC4wLCJMaW5lVHlwZSI6MCwiUGFyZW50U3R5bGUiOm51bGx9LCJQYXJlbnRTdHlsZSI6bnVsbH0sIkR1cmF0aW9u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GlkIjoiMTg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MCwiUiI6MjU1LCJHIjoyNTUsIkIiOjI1NX1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bnVsbH0sIkRhdGVGb3JtYXQiOnsiJGlkIjoiM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udWxsLCJJc1Zpc2libGUiOnRydWUsIldpZHRoIjowLjAsIkhlaWdodCI6MC4wLCJCb3JkZXJTdHlsZSI6bnVsbCwiUGFyZW50U3R5bGUiOm51bGx9LCJSZWN0YW5nbGVTdHlsZSI6eyIkaWQiOiIyMTQiLCJNYXJnaW4iOnsiJGlkIjoiMjE1IiwiVG9wIjowLjAsIkxlZnQiOjAuMCwiUmlnaHQiOjAuMCwiQm90dG9tIjowLjB9LCJQYWRkaW5nIjp7IiRpZCI6IjIxNiIsIlRvcCI6MC4wLCJMZWZ0IjowLjAsIlJpZ2h0IjowLjAsIkJvdHRvbSI6MC4wfSwiQmFja2dyb3VuZCI6eyIkaWQiOiIyMTciLCJDb2xvciI6eyIkaWQiOiIyMTgiLCJBIjo2MywiUiI6OTEsIkciOjE1NSwiQiI6MjEzfX0sIklzVmlzaWJsZSI6dHJ1ZSwiV2lkdGgiOjAuMCwiSGVpZ2h0Ijo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5MSwiRyI6MTU1LCJCIjoyMTN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HJlZiI6IjE1NSJ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HJlZiI6IjE2NCJ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yZWYiOiIxNjgifSwiSXNWaXNpYmxlIjp0cnVlLCJXaWR0aCI6MC4wLCJIZWlnaHQiOjAuMCwiQm9yZGVyU3R5bGUiOnsiJGlkIjoiMjc0IiwiTGluZUNvbG9yIjpudWxsLCJMaW5lV2VpZ2h0IjowLjAsIkxpbmVUeXBlIjowLCJQYXJlbnRTdHlsZSI6bnVsbH0sIlBhcmVudFN0eWxlIjpudWxsfSwiSG9yaXpvbnRhbENvbm5lY3RvclN0eWxlIjp7IiRpZCI6IjI3NSIsIkxpbmVDb2xvciI6eyIkcmVmIjoiMTcxIn0sIkxpbmVXZWlnaHQiOjEuMCwiTGluZVR5cGUiOjAsIlBhcmVudFN0eWxlIjpudWxsfSwiVmVydGljYWxDb25uZWN0b3JTdHlsZSI6eyIkaWQiOiIyNzYiLCJMaW5lQ29sb3IiOnsiJHJlZiI6IjE3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pZCI6IjI4NSIsIkNvbG9yIjp7IiRpZCI6IjI4NiIsIkEiOjAsIlIiOjI1NSwiRyI6MjU1LCJCIjoyNTV9fSwiSXNWaXNpYmxlIjp0cnVlLCJXaWR0aCI6MC4wLCJIZWlnaHQiOjAuMCwiQm9yZGVyU3R5bGUiOnsiJGlkIjoiMjg3IiwiTGluZUNvbG9yIjpudWxsLCJMaW5lV2VpZ2h0IjowLjAsIkxpbmVUeXBlIjowLCJQYXJlbnRTdHlsZSI6bnVsbH0sIlBhcmVudFN0eWxlIjpudWxsfSwiRGF0ZV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TcifSwiUGFkZGluZyI6eyIkcmVmIjoiMTk4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udWxsLCJJc1Zpc2libGUiOnRydWUsIldpZHRoIjowLjAsIkhlaWdodCI6MC4wLCJCb3JkZXJTdHlsZSI6bnVsbCwiUGFyZW50U3R5bGUiOm51bGx9LCJSZWN0YW5nbGV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2MywiUiI6MjM3LCJHIjoxMjUsIkIiOjQ5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CYWNrZ3JvdW5kIjpudWxsLCJJc1Zpc2libGUiOnRydWUsIldpZHRoIjowLjAsIkhlaWdodCI6MC4wLCJCb3JkZXJTdHlsZSI6bnVsbCwiUGFyZW50U3R5bGUiOm51bGx9LCJCYWNrZ3JvdW5k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NTEsIlIiOjE2NSwiRyI6MTY1LCJCIjoxNjV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I1NSwiUiI6MjM3LCJHIjoxMjUsIkIiOjQ5fX0sIklzVmlzaWJsZSI6dHJ1ZSwiV2lkdGgiOjAuMCwiSGVpZ2h0Ijo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kJvdHRvbVRpZXJTaGFwZVN0eWxlIjp7IiRpZCI6IjM3MCIsIk1hcmdpbiI6eyIkaWQiOiIzNzEiLCJUb3AiOjAuMCwiTGVmdCI6MTAuMCwiUmlnaHQiOjEwLjAsIkJvdHRvbSI6MC4wfSwiUGFkZGluZyI6eyIkaWQiOiIzNzIiLCJUb3AiOjMuMCwiTGVmdCI6MC4wLCJSaWdodCI6MC4wLCJCb3R0b20iOjMuMH0sIkJhY2tncm91bmQiOnsiJGlkIjoiMzczIiwiQ29sb3IiOnsiJGlkIjoiMzc0IiwiQSI6MjU1LCJSIjo2OCwiRyI6ODQsIkIiOjEwNn19LCJJc1Zpc2libGUiOnRydWUsIldpZHRoIjo4NTguMCwiSGVpZ2h0IjoyMC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SaWdodEVuZENhcHNTdHlsZSI6eyIkaWQiOiIzNzgiLCJGb250U2V0dGluZ3MiOnsiJGlkIjoiMzc5IiwiRm9udFNpemUiOjE4LCJGb250TmFtZSI6IkNhbGlicmkiLCJJc0JvbGQiOnRydWUsIklzSXRhbGljIjpmYWxzZSwiSXNVbmRlcmxpbmVkIjpmYWxzZSwiUGFyZW50U3R5bGUiOm51bGx9LCJBdXRvU2l6ZSI6MCwiRm9yZWdyb3VuZCI6eyIkaWQiOiIzODAiLCJDb2xvciI6eyIkaWQiOiIzO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jU1LCJSIjowLCJHIjoxMTQsIkIiOjE4OH19LCJJc1Zpc2libGUiOnRydWUsIldpZHRoIjoxMy4wLCJIZWlnaHQiOjEz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lRpdGxlU3R5bGUiOnsiJGlkIjoiNDQ4IiwiRm9udFNldHRpbmdzIjp7IiRpZCI6IjQ0OSIsIkZvbnRTaXplIjoxMSwiRm9udE5hbWUiOiJDYWxpYnJpIiwiSXNCb2xkIjp0cnVlLCJJc0l0YWxpYyI6ZmFsc2UsIklzVW5kZXJsaW5lZCI6ZmFsc2UsIlBhcmVudFN0eWxlIjpudWxsfSwiQXV0b1NpemUiOjAsIkZvcmVncm91bmQiOnsiJGlkIjoiNDUwIiwiQ29sb3IiOnsiJGlkIjoiNDU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HJlZiI6IjE2MCJ9fSwiSXNWaXNpYmxlIjp0cnVlLCJXaWR0aCI6MC4wLCJIZWlnaHQiOjAuMCwiQm9yZGVyU3R5bGUiOm51bGw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HJlZiI6IjE2MCJ9fSwiSXNWaXNpYmxlIjp0cnVlLCJXaWR0aCI6MC4wLCJIZWlnaHQiOjAuMCwiQm9yZGVyU3R5bGUiOm51bGwsIlBhcmVudFN0eWxlIjpudWxsfSwiRGF0ZUZvcm1hdCI6eyIkaWQiOiI0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IiwiRm9ybWF0IjowLCJJc1Zpc2libGUiOmZhbHNlLCJMYXN0S25vd25WaXNpYmlsaXR5U3RhdGUiOmZhbHNlfSwiSXNWaXNpYmxlIjp0cnVlLCJQYXJlbnRTdHlsZSI6bnVsbH0sIkRlZmF1bHRUYXNr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bnVsbCwiUGFyZW50U3R5bGUiOm51bGx9LCJEdXJhdGlvblN0eWxlIjp7IiRpZCI6IjQ2NyIsIkZvbnRTZXR0aW5ncyI6eyIkaWQiOiI0NjgiLCJGb250U2l6ZSI6MTAsIkZvbnROYW1lIjoiQ2FsaWJyaSIsIklzQm9sZCI6ZmFsc2UsIklzSXRhbGljIjpmYWxzZSwiSXNVbmRlcmxpbmVkIjpmYWxzZSwiUGFyZW50U3R5bGUiOm51bGx9LCJBdXRvU2l6ZSI6MCwiRm9yZWdyb3VuZCI6eyIkcmVmIjoiMTY0In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HJlZiI6IjE2OCJ9LCJJc1Zpc2libGUiOnRydWUsIldpZHRoIjowLjAsIkhlaWdodCI6MC4wLCJCb3JkZXJTdHlsZSI6bnVsbCwiUGFyZW50U3R5bGUiOm51bGx9LCJIb3Jpem9udGFsQ29ubmVjdG9yU3R5bGUiOnsiJGlkIjoiNDY5IiwiTGluZUNvbG9yIjp7IiRyZWYiOiIxNzEifSwiTGluZVdlaWdodCI6MS4wLCJMaW5lVHlwZSI6MCwiUGFyZW50U3R5bGUiOm51bGx9LCJWZXJ0aWNhbENvbm5lY3RvclN0eWxlIjp7IiRpZCI6IjQ3MCIsIkxpbmVDb2xvciI6eyIkcmVmIjoiMTc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cxIiwiTWFyZ2luIjp7IiRyZWYiOiIxNzcifSwiUGFkZGluZyI6eyIkcmVmIjoiMTc4In0sIkJhY2tncm91bmQiOnsiJGlkIjoiNDcyIiwiQ29sb3IiOnsiJGlkIjoiNDczIiwiQSI6MjU1LCJSIjowLCJHIjoxMTQsIkIiOjE4OH19LCJJc1Zpc2libGUiOnRydWUsIldpZHRoIjowLjAsIkhlaWdodCI6MTAuMCwiQm9yZGVyU3R5bGUiOnsiJGlkIjoiNDc0IiwiTGluZUNvbG9yIjp7IiRpZCI6IjQ3NSIsIiR0eXBlIjoiTkxSRS5Db21tb24uRG9tLlNvbGlkQ29sb3JCcnVzaCwgTkxSRS5Db21tb24iLCJDb2xvciI6eyIkaWQiOiI0NzYiLCJBIjoyNTUsIlIiOjI1NSwiRyI6MCwiQiI6MH19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CwiRm9yZWdyb3VuZCI6eyIkaWQiOiI0NzkiLCJDb2xvciI6eyIkaWQiOiI0ODA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aWQiOiI0ODEiLCJDb2xvciI6eyIkcmVmIjoiMTYwIn19LCJJc1Zpc2libGUiOnRydWUsIldpZHRoIjowLjAsIkhlaWdodCI6MC4wLCJCb3JkZXJTdHlsZSI6bnVsbC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5NyJ9LCJQYWRkaW5nIjp7IiRyZWYiOiIxOTgifSwiQmFja2dyb3VuZCI6eyIkaWQiOiI0ODYiLCJDb2xvciI6eyIkcmVmIjoiMTYwIn19LCJJc1Zpc2libGUiOnRydWUsIldpZHRoIjowLjAsIkhlaWdodCI6MC4wLCJCb3JkZXJTdHlsZSI6bnVsbCwiUGFyZW50U3R5bGUiOm51bGx9LCJEYXRlRm9ybWF0Ijp7IiRpZCI6IjQ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giLCJGb3JtYXQiOjAsIklzVmlzaWJsZSI6ZmFsc2UsIkxhc3RLbm93blZpc2liaWxpdHlTdGF0ZSI6ZmFsc2V9LCJJc1Zpc2libGUiOnRydWUsIlBhcmVudFN0eWxlIjpudWxsLCJfZXhwbGljaXRseVNldCI6eyIkaWQiOiI0ODk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1MTMiLCJJbXBhT3B0aW9ucyI6eyIkaWQiOiI1M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U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27T23:59:00.0000000Z"/>
  <p:tag name="OTLENDDATE" val="2022-11-08T23:59:00.0000000Z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08T23:59:00.0000000Z"/>
  <p:tag name="OTLENDDATE" val="2022-11-10T23:59:00.0000000Z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fine the project's goals"/>
  <p:tag name="OTLDATE" val="2022-10-18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utline requirements"/>
  <p:tag name="OTLDATE" val="2022-10-25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 the budget"/>
  <p:tag name="OTLDATE" val="2022-10-27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eak down the project into tasks"/>
  <p:tag name="OTLDATE" val="2022-11-01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ign roles and responsibilities"/>
  <p:tag name="OTLDATE" val="2022-11-03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2022-11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080214CDA3D4A4999525EBC07A1FFCB" ma:contentTypeVersion="8" ma:contentTypeDescription="Create a new document." ma:contentTypeScope="" ma:versionID="9b8531e5eea0da52fc06c77d147f043f">
  <xsd:schema xmlns:xsd="http://www.w3.org/2001/XMLSchema" xmlns:xs="http://www.w3.org/2001/XMLSchema" xmlns:p="http://schemas.microsoft.com/office/2006/metadata/properties" xmlns:ns3="7bff7069-a72b-425d-84c0-a91fd56d9d87" targetNamespace="http://schemas.microsoft.com/office/2006/metadata/properties" ma:root="true" ma:fieldsID="61a8fefed0f38d48ddfe75c6dcbd7e80" ns3:_="">
    <xsd:import namespace="7bff7069-a72b-425d-84c0-a91fd56d9d87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bff7069-a72b-425d-84c0-a91fd56d9d8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http://www.w3.org/XML/1998/namespace"/>
    <ds:schemaRef ds:uri="http://schemas.microsoft.com/office/2006/metadata/properties"/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7bff7069-a72b-425d-84c0-a91fd56d9d87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A4C3E54-3F7E-4126-9383-D976F26181B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bff7069-a72b-425d-84c0-a91fd56d9d8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88</Words>
  <Application>Microsoft Office PowerPoint</Application>
  <PresentationFormat>Widescreen</PresentationFormat>
  <Paragraphs>171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3</cp:revision>
  <dcterms:created xsi:type="dcterms:W3CDTF">2014-10-29T22:17:45Z</dcterms:created>
  <dcterms:modified xsi:type="dcterms:W3CDTF">2022-10-27T21:32:44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080214CDA3D4A4999525EBC07A1FFCB</vt:lpwstr>
  </property>
</Properties>
</file>